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令和5年7月1日現在\05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平塚市</t>
  </si>
  <si>
    <t>茅ヶ崎市</t>
  </si>
  <si>
    <t>大和市</t>
  </si>
  <si>
    <t>厚木市</t>
  </si>
  <si>
    <t>小田原市</t>
  </si>
  <si>
    <t>鎌倉市</t>
  </si>
  <si>
    <t>秦野市</t>
  </si>
  <si>
    <t>海老名市</t>
  </si>
  <si>
    <t>座間市</t>
  </si>
  <si>
    <t>伊勢原市</t>
  </si>
  <si>
    <t>綾瀬市</t>
  </si>
  <si>
    <t>逗子市</t>
  </si>
  <si>
    <t>三浦市</t>
  </si>
  <si>
    <t>南足柄市</t>
  </si>
  <si>
    <t>横須賀市</t>
  </si>
  <si>
    <t>郡部計</t>
  </si>
  <si>
    <t>横浜市</t>
  </si>
  <si>
    <t>川崎市</t>
  </si>
  <si>
    <t>中郡</t>
  </si>
  <si>
    <t>足柄上郡</t>
  </si>
  <si>
    <t>足柄下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 xml:space="preserve">  鶴見区</t>
  </si>
  <si>
    <t xml:space="preserve"> 西  区</t>
  </si>
  <si>
    <t xml:space="preserve">  中   区</t>
  </si>
  <si>
    <t xml:space="preserve"> 南  区</t>
  </si>
  <si>
    <t xml:space="preserve">  港南区</t>
  </si>
  <si>
    <t xml:space="preserve"> 旭  区</t>
  </si>
  <si>
    <t xml:space="preserve">  磯子区</t>
  </si>
  <si>
    <t xml:space="preserve">  金沢区</t>
  </si>
  <si>
    <t xml:space="preserve">  港北区</t>
  </si>
  <si>
    <t xml:space="preserve"> 緑  区</t>
  </si>
  <si>
    <t xml:space="preserve">  青葉区</t>
  </si>
  <si>
    <t xml:space="preserve">  都筑区</t>
  </si>
  <si>
    <t xml:space="preserve">  戸塚区</t>
  </si>
  <si>
    <t xml:space="preserve"> 栄  区</t>
  </si>
  <si>
    <t xml:space="preserve"> 泉  区</t>
  </si>
  <si>
    <t xml:space="preserve">  瀬谷区</t>
  </si>
  <si>
    <t xml:space="preserve">  川崎区</t>
  </si>
  <si>
    <t xml:space="preserve">  中原区</t>
  </si>
  <si>
    <t xml:space="preserve">  宮前区</t>
  </si>
  <si>
    <t xml:space="preserve">  多摩区</t>
  </si>
  <si>
    <t xml:space="preserve">  麻生区</t>
  </si>
  <si>
    <t>相模原市</t>
  </si>
  <si>
    <t xml:space="preserve"> 緑　区</t>
    <rPh sb="1" eb="2">
      <t>ミドリ</t>
    </rPh>
    <rPh sb="3" eb="4">
      <t>ク</t>
    </rPh>
    <phoneticPr fontId="6"/>
  </si>
  <si>
    <t xml:space="preserve">  中央区</t>
    <rPh sb="2" eb="3">
      <t>ナカ</t>
    </rPh>
    <rPh sb="3" eb="4">
      <t>ヒサシ</t>
    </rPh>
    <rPh sb="4" eb="5">
      <t>ク</t>
    </rPh>
    <phoneticPr fontId="6"/>
  </si>
  <si>
    <t xml:space="preserve"> 南　区</t>
    <rPh sb="1" eb="2">
      <t>ミナミ</t>
    </rPh>
    <rPh sb="3" eb="4">
      <t>ク</t>
    </rPh>
    <phoneticPr fontId="6"/>
  </si>
  <si>
    <t xml:space="preserve">  大磯町</t>
  </si>
  <si>
    <t xml:space="preserve">  二宮町</t>
  </si>
  <si>
    <t xml:space="preserve">  中井町</t>
  </si>
  <si>
    <t xml:space="preserve">  大井町</t>
  </si>
  <si>
    <t xml:space="preserve">  松田町</t>
  </si>
  <si>
    <t xml:space="preserve">  山北町</t>
  </si>
  <si>
    <t xml:space="preserve">  開成町</t>
  </si>
  <si>
    <t xml:space="preserve">  箱根町</t>
  </si>
  <si>
    <t xml:space="preserve">  真鶴町</t>
  </si>
  <si>
    <t xml:space="preserve">  愛川町</t>
  </si>
  <si>
    <t xml:space="preserve">  清川村</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県計</t>
    <phoneticPr fontId="6"/>
  </si>
  <si>
    <t>市部計</t>
    <phoneticPr fontId="6"/>
  </si>
  <si>
    <t xml:space="preserve">   神奈川区</t>
    <phoneticPr fontId="6"/>
  </si>
  <si>
    <t>　保土ケ谷区</t>
    <phoneticPr fontId="6"/>
  </si>
  <si>
    <t xml:space="preserve"> 幸  区</t>
    <phoneticPr fontId="6"/>
  </si>
  <si>
    <t xml:space="preserve">  高津区</t>
    <phoneticPr fontId="6"/>
  </si>
  <si>
    <t>三浦郡葉山町</t>
    <phoneticPr fontId="6"/>
  </si>
  <si>
    <t>高座郡寒川町</t>
    <phoneticPr fontId="6"/>
  </si>
  <si>
    <t xml:space="preserve">   湯河原町</t>
    <phoneticPr fontId="6"/>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５年７月１日現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19" fillId="0" borderId="0" xfId="3" applyFont="1" applyBorder="1" applyAlignment="1" applyProtection="1">
      <alignment horizontal="distributed" vertical="center"/>
    </xf>
    <xf numFmtId="37" fontId="20" fillId="0" borderId="0" xfId="3" applyFont="1" applyBorder="1" applyAlignment="1" applyProtection="1">
      <alignment horizontal="distributed"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31" fillId="3" borderId="0" xfId="3" applyFont="1" applyFill="1" applyBorder="1" applyAlignment="1" applyProtection="1">
      <alignment horizontal="distributed" vertical="center"/>
    </xf>
    <xf numFmtId="37" fontId="19" fillId="0" borderId="0" xfId="3" applyFont="1" applyBorder="1" applyAlignment="1">
      <alignment horizontal="distributed" vertical="center"/>
    </xf>
    <xf numFmtId="37" fontId="19" fillId="2" borderId="0" xfId="3" applyFont="1" applyFill="1" applyBorder="1" applyAlignment="1" applyProtection="1">
      <alignment horizontal="distributed" vertical="center"/>
    </xf>
    <xf numFmtId="37" fontId="19" fillId="0" borderId="23" xfId="3" applyFont="1" applyBorder="1" applyAlignment="1" applyProtection="1">
      <alignment horizontal="distributed" vertic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2" fillId="0" borderId="1" xfId="3" applyFont="1" applyBorder="1" applyAlignment="1" applyProtection="1">
      <alignment horizontal="distributed" vertical="center"/>
    </xf>
    <xf numFmtId="0" fontId="2" fillId="0" borderId="30" xfId="1" applyFont="1" applyBorder="1" applyAlignment="1">
      <alignment horizontal="distributed"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1.625" style="48" customWidth="1"/>
    <col min="3" max="3" width="1.625" style="48" customWidth="1"/>
    <col min="4" max="7" width="12.625" style="48" customWidth="1"/>
    <col min="8" max="12" width="10.625" style="48" customWidth="1"/>
  </cols>
  <sheetData>
    <row r="1" spans="1:27" s="1" customFormat="1" ht="25.5">
      <c r="A1" s="65"/>
      <c r="C1" s="2"/>
      <c r="D1" s="3"/>
      <c r="E1" s="4"/>
      <c r="F1" s="4"/>
      <c r="G1" s="78" t="s">
        <v>75</v>
      </c>
      <c r="H1" s="4"/>
      <c r="I1" s="4"/>
      <c r="J1" s="4"/>
      <c r="K1" s="4"/>
      <c r="L1" s="66"/>
    </row>
    <row r="2" spans="1:27" s="1" customFormat="1" ht="13.5">
      <c r="B2" s="48"/>
      <c r="C2" s="48"/>
      <c r="D2" s="48"/>
      <c r="E2" s="48"/>
      <c r="F2" s="48"/>
      <c r="G2" s="48"/>
      <c r="H2" s="48"/>
      <c r="I2" s="48"/>
      <c r="J2" s="48"/>
      <c r="K2" s="48"/>
      <c r="L2" s="48"/>
    </row>
    <row r="3" spans="1:27" s="1" customFormat="1" ht="21.95" customHeight="1" thickBot="1">
      <c r="B3" s="89" t="s">
        <v>91</v>
      </c>
      <c r="C3" s="90"/>
      <c r="D3" s="91"/>
      <c r="E3" s="91"/>
      <c r="F3" s="91"/>
      <c r="G3" s="91"/>
      <c r="H3" s="91"/>
      <c r="I3" s="91"/>
      <c r="J3" s="91"/>
      <c r="K3" s="91"/>
      <c r="L3" s="92" t="s">
        <v>74</v>
      </c>
      <c r="N3" s="64"/>
      <c r="P3"/>
      <c r="Q3"/>
      <c r="R3"/>
      <c r="S3"/>
      <c r="T3"/>
      <c r="U3"/>
      <c r="V3"/>
      <c r="W3"/>
      <c r="X3"/>
      <c r="Y3"/>
      <c r="Z3"/>
      <c r="AA3"/>
    </row>
    <row r="4" spans="1:27" s="1" customFormat="1" ht="18" customHeight="1">
      <c r="A4" s="5"/>
      <c r="B4" s="95" t="s">
        <v>73</v>
      </c>
      <c r="C4" s="68"/>
      <c r="D4" s="97" t="s">
        <v>30</v>
      </c>
      <c r="E4" s="69" t="s">
        <v>5</v>
      </c>
      <c r="F4" s="70"/>
      <c r="G4" s="71" t="s">
        <v>31</v>
      </c>
      <c r="H4" s="72" t="s">
        <v>32</v>
      </c>
      <c r="I4" s="73"/>
      <c r="J4" s="73"/>
      <c r="K4" s="74" t="s">
        <v>33</v>
      </c>
      <c r="L4" s="75" t="s">
        <v>2</v>
      </c>
      <c r="M4" s="6"/>
      <c r="P4"/>
      <c r="Q4"/>
      <c r="R4"/>
      <c r="S4"/>
      <c r="T4"/>
      <c r="U4"/>
      <c r="V4"/>
      <c r="W4"/>
      <c r="X4"/>
      <c r="Y4"/>
      <c r="Z4"/>
      <c r="AA4"/>
    </row>
    <row r="5" spans="1:27" s="1" customFormat="1" ht="18" customHeight="1" thickBot="1">
      <c r="A5" s="7"/>
      <c r="B5" s="96"/>
      <c r="C5" s="93"/>
      <c r="D5" s="98"/>
      <c r="E5" s="76" t="s">
        <v>34</v>
      </c>
      <c r="F5" s="76" t="s">
        <v>3</v>
      </c>
      <c r="G5" s="76" t="s">
        <v>4</v>
      </c>
      <c r="H5" s="76" t="s">
        <v>35</v>
      </c>
      <c r="I5" s="76" t="s">
        <v>0</v>
      </c>
      <c r="J5" s="76" t="s">
        <v>1</v>
      </c>
      <c r="K5" s="76" t="s">
        <v>36</v>
      </c>
      <c r="L5" s="77" t="s">
        <v>77</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79" t="s">
        <v>78</v>
      </c>
      <c r="C7" s="14"/>
      <c r="D7" s="15">
        <v>4347642</v>
      </c>
      <c r="E7" s="16">
        <v>9233545</v>
      </c>
      <c r="F7" s="17">
        <v>4577047</v>
      </c>
      <c r="G7" s="17">
        <v>4656498</v>
      </c>
      <c r="H7" s="17">
        <v>-1946</v>
      </c>
      <c r="I7" s="17">
        <v>-2606</v>
      </c>
      <c r="J7" s="17">
        <v>660</v>
      </c>
      <c r="K7" s="18">
        <v>2.123805271915213</v>
      </c>
      <c r="L7" s="19">
        <v>3821.3254039200106</v>
      </c>
      <c r="M7" s="20"/>
      <c r="N7" s="64"/>
      <c r="P7"/>
      <c r="Q7"/>
      <c r="R7"/>
      <c r="S7"/>
      <c r="T7"/>
      <c r="U7"/>
      <c r="V7"/>
      <c r="W7"/>
      <c r="X7"/>
      <c r="Y7"/>
      <c r="Z7"/>
      <c r="AA7"/>
    </row>
    <row r="8" spans="1:27" s="1" customFormat="1" ht="24" customHeight="1">
      <c r="A8" s="21"/>
      <c r="B8" s="41" t="s">
        <v>79</v>
      </c>
      <c r="C8" s="22"/>
      <c r="D8" s="23">
        <v>4223988</v>
      </c>
      <c r="E8" s="24">
        <v>8948560</v>
      </c>
      <c r="F8" s="25">
        <v>4436983</v>
      </c>
      <c r="G8" s="25">
        <v>4511577</v>
      </c>
      <c r="H8" s="25">
        <v>-1920</v>
      </c>
      <c r="I8" s="25">
        <v>-2434</v>
      </c>
      <c r="J8" s="25">
        <v>514</v>
      </c>
      <c r="K8" s="26">
        <v>2.1185098063725558</v>
      </c>
      <c r="L8" s="27">
        <v>4943.9011723627364</v>
      </c>
      <c r="M8" s="20"/>
      <c r="N8" s="64"/>
      <c r="P8"/>
      <c r="Q8"/>
      <c r="R8"/>
      <c r="S8"/>
      <c r="T8"/>
      <c r="U8"/>
      <c r="V8"/>
      <c r="W8"/>
      <c r="X8"/>
      <c r="Y8"/>
      <c r="Z8"/>
      <c r="AA8"/>
    </row>
    <row r="9" spans="1:27" s="1" customFormat="1" ht="24" customHeight="1">
      <c r="A9" s="21"/>
      <c r="B9" s="41" t="s">
        <v>23</v>
      </c>
      <c r="C9" s="22"/>
      <c r="D9" s="23">
        <v>123654</v>
      </c>
      <c r="E9" s="24">
        <v>284985</v>
      </c>
      <c r="F9" s="25">
        <v>140064</v>
      </c>
      <c r="G9" s="25">
        <v>144921</v>
      </c>
      <c r="H9" s="25">
        <v>-26</v>
      </c>
      <c r="I9" s="25">
        <v>-172</v>
      </c>
      <c r="J9" s="25">
        <v>146</v>
      </c>
      <c r="K9" s="26">
        <v>2.3046969770488621</v>
      </c>
      <c r="L9" s="27">
        <v>470.03183190117272</v>
      </c>
      <c r="M9" s="20"/>
      <c r="N9"/>
      <c r="P9"/>
      <c r="Q9"/>
      <c r="R9"/>
      <c r="S9"/>
      <c r="T9"/>
      <c r="U9"/>
      <c r="V9"/>
      <c r="W9"/>
      <c r="X9"/>
      <c r="Y9"/>
      <c r="Z9"/>
      <c r="AA9"/>
    </row>
    <row r="10" spans="1:27" s="1" customFormat="1" ht="24" customHeight="1">
      <c r="A10" s="21"/>
      <c r="B10" s="80"/>
      <c r="C10" s="28"/>
      <c r="D10" s="29"/>
      <c r="E10" s="30"/>
      <c r="F10" s="31"/>
      <c r="G10" s="31"/>
      <c r="H10" s="31"/>
      <c r="I10" s="31"/>
      <c r="J10" s="31"/>
      <c r="K10" s="32"/>
      <c r="L10" s="33"/>
      <c r="M10" s="20"/>
    </row>
    <row r="11" spans="1:27" s="1" customFormat="1" ht="24" customHeight="1">
      <c r="A11" s="34"/>
      <c r="B11" s="81" t="s">
        <v>24</v>
      </c>
      <c r="C11" s="35"/>
      <c r="D11" s="36">
        <v>1798172</v>
      </c>
      <c r="E11" s="37">
        <v>3773602</v>
      </c>
      <c r="F11" s="38">
        <v>1860996</v>
      </c>
      <c r="G11" s="38">
        <v>1912606</v>
      </c>
      <c r="H11" s="38">
        <v>-1009</v>
      </c>
      <c r="I11" s="38">
        <v>-1035</v>
      </c>
      <c r="J11" s="38">
        <v>26</v>
      </c>
      <c r="K11" s="39">
        <v>2.0985767768600558</v>
      </c>
      <c r="L11" s="40">
        <v>8615.3329832652216</v>
      </c>
      <c r="M11" s="20"/>
    </row>
    <row r="12" spans="1:27" s="1" customFormat="1" ht="24" customHeight="1">
      <c r="A12" s="21"/>
      <c r="B12" s="41" t="s">
        <v>37</v>
      </c>
      <c r="C12" s="22"/>
      <c r="D12" s="23">
        <v>148387</v>
      </c>
      <c r="E12" s="24">
        <v>295916</v>
      </c>
      <c r="F12" s="25">
        <v>152689</v>
      </c>
      <c r="G12" s="25">
        <v>143227</v>
      </c>
      <c r="H12" s="25">
        <v>3</v>
      </c>
      <c r="I12" s="25">
        <v>-41</v>
      </c>
      <c r="J12" s="25">
        <v>44</v>
      </c>
      <c r="K12" s="26">
        <v>1.994217822315971</v>
      </c>
      <c r="L12" s="27">
        <v>8907.7664057796519</v>
      </c>
      <c r="M12" s="20"/>
    </row>
    <row r="13" spans="1:27" s="1" customFormat="1" ht="24" customHeight="1">
      <c r="A13" s="21"/>
      <c r="B13" s="42" t="s">
        <v>80</v>
      </c>
      <c r="C13" s="22"/>
      <c r="D13" s="23">
        <v>133530</v>
      </c>
      <c r="E13" s="24">
        <v>249562</v>
      </c>
      <c r="F13" s="25">
        <v>127106</v>
      </c>
      <c r="G13" s="25">
        <v>122456</v>
      </c>
      <c r="H13" s="25">
        <v>-66</v>
      </c>
      <c r="I13" s="25">
        <v>-65</v>
      </c>
      <c r="J13" s="25">
        <v>-1</v>
      </c>
      <c r="K13" s="26">
        <v>1.8689582865273722</v>
      </c>
      <c r="L13" s="27">
        <v>10516.729877791824</v>
      </c>
      <c r="M13" s="20"/>
    </row>
    <row r="14" spans="1:27" s="1" customFormat="1" ht="24" customHeight="1">
      <c r="A14" s="21"/>
      <c r="B14" s="41" t="s">
        <v>38</v>
      </c>
      <c r="C14" s="22"/>
      <c r="D14" s="23">
        <v>59240</v>
      </c>
      <c r="E14" s="24">
        <v>106442</v>
      </c>
      <c r="F14" s="25">
        <v>53844</v>
      </c>
      <c r="G14" s="25">
        <v>52598</v>
      </c>
      <c r="H14" s="25">
        <v>-44</v>
      </c>
      <c r="I14" s="25">
        <v>-6</v>
      </c>
      <c r="J14" s="25">
        <v>-38</v>
      </c>
      <c r="K14" s="26">
        <v>1.7967927076299797</v>
      </c>
      <c r="L14" s="27">
        <v>15141.109530583215</v>
      </c>
      <c r="M14" s="20"/>
      <c r="N14" s="43"/>
    </row>
    <row r="15" spans="1:27" s="1" customFormat="1" ht="24" customHeight="1">
      <c r="A15" s="21"/>
      <c r="B15" s="41" t="s">
        <v>39</v>
      </c>
      <c r="C15" s="22"/>
      <c r="D15" s="23">
        <v>87253</v>
      </c>
      <c r="E15" s="24">
        <v>151720</v>
      </c>
      <c r="F15" s="25">
        <v>76949</v>
      </c>
      <c r="G15" s="25">
        <v>74771</v>
      </c>
      <c r="H15" s="25">
        <v>-130</v>
      </c>
      <c r="I15" s="25">
        <v>-96</v>
      </c>
      <c r="J15" s="25">
        <v>-34</v>
      </c>
      <c r="K15" s="26">
        <v>1.7388513861987553</v>
      </c>
      <c r="L15" s="27">
        <v>6978.8408463661463</v>
      </c>
      <c r="M15" s="20"/>
    </row>
    <row r="16" spans="1:27" s="1" customFormat="1" ht="24" customHeight="1">
      <c r="A16" s="21"/>
      <c r="B16" s="41" t="s">
        <v>40</v>
      </c>
      <c r="C16" s="22"/>
      <c r="D16" s="23">
        <v>107757</v>
      </c>
      <c r="E16" s="24">
        <v>198980</v>
      </c>
      <c r="F16" s="25">
        <v>99252</v>
      </c>
      <c r="G16" s="25">
        <v>99728</v>
      </c>
      <c r="H16" s="25">
        <v>15</v>
      </c>
      <c r="I16" s="25">
        <v>-101</v>
      </c>
      <c r="J16" s="25">
        <v>116</v>
      </c>
      <c r="K16" s="26">
        <v>1.8465621722950714</v>
      </c>
      <c r="L16" s="27">
        <v>15729.644268774704</v>
      </c>
      <c r="M16" s="20"/>
    </row>
    <row r="17" spans="1:13" s="1" customFormat="1" ht="24" customHeight="1">
      <c r="A17" s="21"/>
      <c r="B17" s="41" t="s">
        <v>41</v>
      </c>
      <c r="C17" s="22"/>
      <c r="D17" s="23">
        <v>97502</v>
      </c>
      <c r="E17" s="24">
        <v>214068</v>
      </c>
      <c r="F17" s="25">
        <v>104051</v>
      </c>
      <c r="G17" s="25">
        <v>110017</v>
      </c>
      <c r="H17" s="25">
        <v>-94</v>
      </c>
      <c r="I17" s="25">
        <v>-61</v>
      </c>
      <c r="J17" s="25">
        <v>-33</v>
      </c>
      <c r="K17" s="26">
        <v>2.1955241943754999</v>
      </c>
      <c r="L17" s="27">
        <v>10757.185929648242</v>
      </c>
      <c r="M17" s="20"/>
    </row>
    <row r="18" spans="1:13" s="1" customFormat="1" ht="24" customHeight="1">
      <c r="A18" s="21"/>
      <c r="B18" s="42" t="s">
        <v>81</v>
      </c>
      <c r="C18" s="44"/>
      <c r="D18" s="23">
        <v>100989</v>
      </c>
      <c r="E18" s="24">
        <v>206012</v>
      </c>
      <c r="F18" s="25">
        <v>100956</v>
      </c>
      <c r="G18" s="25">
        <v>105056</v>
      </c>
      <c r="H18" s="25">
        <v>-85</v>
      </c>
      <c r="I18" s="25">
        <v>-92</v>
      </c>
      <c r="J18" s="25">
        <v>7</v>
      </c>
      <c r="K18" s="26">
        <v>2.039944944498906</v>
      </c>
      <c r="L18" s="27">
        <v>9394.0720474236205</v>
      </c>
      <c r="M18" s="20"/>
    </row>
    <row r="19" spans="1:13" s="1" customFormat="1" ht="24" customHeight="1">
      <c r="A19" s="21"/>
      <c r="B19" s="41" t="s">
        <v>42</v>
      </c>
      <c r="C19" s="22"/>
      <c r="D19" s="23">
        <v>108303</v>
      </c>
      <c r="E19" s="24">
        <v>241980</v>
      </c>
      <c r="F19" s="25">
        <v>116422</v>
      </c>
      <c r="G19" s="25">
        <v>125558</v>
      </c>
      <c r="H19" s="25">
        <v>-84</v>
      </c>
      <c r="I19" s="25">
        <v>-120</v>
      </c>
      <c r="J19" s="25">
        <v>36</v>
      </c>
      <c r="K19" s="26">
        <v>2.2342871388604193</v>
      </c>
      <c r="L19" s="27">
        <v>7393.2172318973426</v>
      </c>
      <c r="M19" s="20"/>
    </row>
    <row r="20" spans="1:13" s="1" customFormat="1" ht="24" customHeight="1">
      <c r="A20" s="21"/>
      <c r="B20" s="41" t="s">
        <v>43</v>
      </c>
      <c r="C20" s="22"/>
      <c r="D20" s="23">
        <v>79990</v>
      </c>
      <c r="E20" s="24">
        <v>165360</v>
      </c>
      <c r="F20" s="25">
        <v>81264</v>
      </c>
      <c r="G20" s="25">
        <v>84096</v>
      </c>
      <c r="H20" s="25">
        <v>-74</v>
      </c>
      <c r="I20" s="25">
        <v>-44</v>
      </c>
      <c r="J20" s="25">
        <v>-30</v>
      </c>
      <c r="K20" s="26">
        <v>2.0672584073009128</v>
      </c>
      <c r="L20" s="27">
        <v>8680.3149606299212</v>
      </c>
      <c r="M20" s="20"/>
    </row>
    <row r="21" spans="1:13" s="1" customFormat="1" ht="24" customHeight="1">
      <c r="A21" s="21"/>
      <c r="B21" s="41" t="s">
        <v>44</v>
      </c>
      <c r="C21" s="22"/>
      <c r="D21" s="23">
        <v>90818</v>
      </c>
      <c r="E21" s="24">
        <v>195387</v>
      </c>
      <c r="F21" s="25">
        <v>94809</v>
      </c>
      <c r="G21" s="25">
        <v>100578</v>
      </c>
      <c r="H21" s="25">
        <v>-28</v>
      </c>
      <c r="I21" s="25">
        <v>-94</v>
      </c>
      <c r="J21" s="25">
        <v>66</v>
      </c>
      <c r="K21" s="26">
        <v>2.1514127155409719</v>
      </c>
      <c r="L21" s="27">
        <v>6310.9496124031002</v>
      </c>
      <c r="M21" s="20"/>
    </row>
    <row r="22" spans="1:13" s="1" customFormat="1" ht="24" customHeight="1">
      <c r="A22" s="21"/>
      <c r="B22" s="41" t="s">
        <v>45</v>
      </c>
      <c r="C22" s="22"/>
      <c r="D22" s="23">
        <v>181056</v>
      </c>
      <c r="E22" s="24">
        <v>363160</v>
      </c>
      <c r="F22" s="25">
        <v>180965</v>
      </c>
      <c r="G22" s="25">
        <v>182195</v>
      </c>
      <c r="H22" s="25">
        <v>3</v>
      </c>
      <c r="I22" s="25">
        <v>-3</v>
      </c>
      <c r="J22" s="25">
        <v>6</v>
      </c>
      <c r="K22" s="26">
        <v>2.0057882644043832</v>
      </c>
      <c r="L22" s="27">
        <v>11565.605095541401</v>
      </c>
      <c r="M22" s="20"/>
    </row>
    <row r="23" spans="1:13" s="1" customFormat="1" ht="24" customHeight="1">
      <c r="A23" s="21"/>
      <c r="B23" s="41" t="s">
        <v>46</v>
      </c>
      <c r="C23" s="22"/>
      <c r="D23" s="23">
        <v>81632</v>
      </c>
      <c r="E23" s="24">
        <v>183172</v>
      </c>
      <c r="F23" s="25">
        <v>89935</v>
      </c>
      <c r="G23" s="25">
        <v>93237</v>
      </c>
      <c r="H23" s="25">
        <v>-30</v>
      </c>
      <c r="I23" s="25">
        <v>-55</v>
      </c>
      <c r="J23" s="25">
        <v>25</v>
      </c>
      <c r="K23" s="26">
        <v>2.2438749509996079</v>
      </c>
      <c r="L23" s="27">
        <v>7180.3998431987447</v>
      </c>
      <c r="M23" s="20"/>
    </row>
    <row r="24" spans="1:13" s="1" customFormat="1" ht="24" customHeight="1">
      <c r="A24" s="21"/>
      <c r="B24" s="41" t="s">
        <v>47</v>
      </c>
      <c r="C24" s="22"/>
      <c r="D24" s="23">
        <v>135851</v>
      </c>
      <c r="E24" s="24">
        <v>309802</v>
      </c>
      <c r="F24" s="25">
        <v>149221</v>
      </c>
      <c r="G24" s="25">
        <v>160581</v>
      </c>
      <c r="H24" s="25">
        <v>-166</v>
      </c>
      <c r="I24" s="25">
        <v>-61</v>
      </c>
      <c r="J24" s="25">
        <v>-105</v>
      </c>
      <c r="K24" s="26">
        <v>2.2804543212784596</v>
      </c>
      <c r="L24" s="27">
        <v>8796.1953435547985</v>
      </c>
      <c r="M24" s="20"/>
    </row>
    <row r="25" spans="1:13" s="1" customFormat="1" ht="24" customHeight="1">
      <c r="A25" s="21"/>
      <c r="B25" s="41" t="s">
        <v>48</v>
      </c>
      <c r="C25" s="22"/>
      <c r="D25" s="23">
        <v>88138</v>
      </c>
      <c r="E25" s="24">
        <v>215217</v>
      </c>
      <c r="F25" s="25">
        <v>105234</v>
      </c>
      <c r="G25" s="25">
        <v>109983</v>
      </c>
      <c r="H25" s="25">
        <v>-92</v>
      </c>
      <c r="I25" s="25">
        <v>11</v>
      </c>
      <c r="J25" s="25">
        <v>-103</v>
      </c>
      <c r="K25" s="26">
        <v>2.4418185118790987</v>
      </c>
      <c r="L25" s="27">
        <v>7722.1743810548978</v>
      </c>
      <c r="M25" s="20"/>
    </row>
    <row r="26" spans="1:13" s="1" customFormat="1" ht="24" customHeight="1">
      <c r="A26" s="21"/>
      <c r="B26" s="41" t="s">
        <v>49</v>
      </c>
      <c r="C26" s="22"/>
      <c r="D26" s="23">
        <v>125173</v>
      </c>
      <c r="E26" s="24">
        <v>283215</v>
      </c>
      <c r="F26" s="25">
        <v>137896</v>
      </c>
      <c r="G26" s="25">
        <v>145319</v>
      </c>
      <c r="H26" s="25">
        <v>-56</v>
      </c>
      <c r="I26" s="25">
        <v>-64</v>
      </c>
      <c r="J26" s="25">
        <v>8</v>
      </c>
      <c r="K26" s="26">
        <v>2.2625885774088661</v>
      </c>
      <c r="L26" s="27">
        <v>7913.2439228834874</v>
      </c>
      <c r="M26" s="20"/>
    </row>
    <row r="27" spans="1:13" s="1" customFormat="1" ht="24" customHeight="1">
      <c r="A27" s="21"/>
      <c r="B27" s="41" t="s">
        <v>50</v>
      </c>
      <c r="C27" s="22"/>
      <c r="D27" s="23">
        <v>54515</v>
      </c>
      <c r="E27" s="24">
        <v>121004</v>
      </c>
      <c r="F27" s="25">
        <v>58765</v>
      </c>
      <c r="G27" s="25">
        <v>62239</v>
      </c>
      <c r="H27" s="25">
        <v>7</v>
      </c>
      <c r="I27" s="25">
        <v>-50</v>
      </c>
      <c r="J27" s="25">
        <v>57</v>
      </c>
      <c r="K27" s="26">
        <v>2.219645968999358</v>
      </c>
      <c r="L27" s="27">
        <v>6533.6933045356373</v>
      </c>
      <c r="M27" s="20"/>
    </row>
    <row r="28" spans="1:13" s="1" customFormat="1" ht="24" customHeight="1">
      <c r="A28" s="21"/>
      <c r="B28" s="41" t="s">
        <v>51</v>
      </c>
      <c r="C28" s="22"/>
      <c r="D28" s="23">
        <v>64061</v>
      </c>
      <c r="E28" s="24">
        <v>150952</v>
      </c>
      <c r="F28" s="25">
        <v>72962</v>
      </c>
      <c r="G28" s="25">
        <v>77990</v>
      </c>
      <c r="H28" s="25">
        <v>-118</v>
      </c>
      <c r="I28" s="25">
        <v>-44</v>
      </c>
      <c r="J28" s="25">
        <v>-74</v>
      </c>
      <c r="K28" s="26">
        <v>2.3563790761930035</v>
      </c>
      <c r="L28" s="27">
        <v>6401.6963528413917</v>
      </c>
      <c r="M28" s="20"/>
    </row>
    <row r="29" spans="1:13" s="1" customFormat="1" ht="24" customHeight="1">
      <c r="A29" s="21"/>
      <c r="B29" s="41" t="s">
        <v>52</v>
      </c>
      <c r="C29" s="22"/>
      <c r="D29" s="23">
        <v>53977</v>
      </c>
      <c r="E29" s="24">
        <v>121653</v>
      </c>
      <c r="F29" s="25">
        <v>58676</v>
      </c>
      <c r="G29" s="25">
        <v>62977</v>
      </c>
      <c r="H29" s="25">
        <v>30</v>
      </c>
      <c r="I29" s="25">
        <v>-49</v>
      </c>
      <c r="J29" s="25">
        <v>79</v>
      </c>
      <c r="K29" s="26">
        <v>2.2537932823239526</v>
      </c>
      <c r="L29" s="27">
        <v>7085.2067559697143</v>
      </c>
      <c r="M29" s="20"/>
    </row>
    <row r="30" spans="1:13" s="1" customFormat="1" ht="24" customHeight="1">
      <c r="A30" s="34"/>
      <c r="B30" s="81" t="s">
        <v>25</v>
      </c>
      <c r="C30" s="35"/>
      <c r="D30" s="36">
        <v>771321</v>
      </c>
      <c r="E30" s="37">
        <v>1544893</v>
      </c>
      <c r="F30" s="38">
        <v>777377</v>
      </c>
      <c r="G30" s="38">
        <v>767516</v>
      </c>
      <c r="H30" s="38">
        <v>180</v>
      </c>
      <c r="I30" s="38">
        <v>-41</v>
      </c>
      <c r="J30" s="38">
        <v>221</v>
      </c>
      <c r="K30" s="39">
        <v>2.0029183699134343</v>
      </c>
      <c r="L30" s="40">
        <v>10806.470341354225</v>
      </c>
      <c r="M30" s="20"/>
    </row>
    <row r="31" spans="1:13" s="1" customFormat="1" ht="24" customHeight="1">
      <c r="A31" s="21"/>
      <c r="B31" s="41" t="s">
        <v>53</v>
      </c>
      <c r="C31" s="22"/>
      <c r="D31" s="23">
        <v>125997</v>
      </c>
      <c r="E31" s="24">
        <v>231065</v>
      </c>
      <c r="F31" s="25">
        <v>124421</v>
      </c>
      <c r="G31" s="25">
        <v>106644</v>
      </c>
      <c r="H31" s="25">
        <v>37</v>
      </c>
      <c r="I31" s="25">
        <v>-86</v>
      </c>
      <c r="J31" s="25">
        <v>123</v>
      </c>
      <c r="K31" s="26">
        <v>1.8338928704651698</v>
      </c>
      <c r="L31" s="27">
        <v>5851.2281590276016</v>
      </c>
      <c r="M31" s="20"/>
    </row>
    <row r="32" spans="1:13" s="1" customFormat="1" ht="24" customHeight="1">
      <c r="A32" s="21"/>
      <c r="B32" s="41" t="s">
        <v>82</v>
      </c>
      <c r="C32" s="22"/>
      <c r="D32" s="23">
        <v>82194</v>
      </c>
      <c r="E32" s="24">
        <v>171949</v>
      </c>
      <c r="F32" s="25">
        <v>86920</v>
      </c>
      <c r="G32" s="25">
        <v>85029</v>
      </c>
      <c r="H32" s="25">
        <v>-7</v>
      </c>
      <c r="I32" s="25">
        <v>2</v>
      </c>
      <c r="J32" s="25">
        <v>-9</v>
      </c>
      <c r="K32" s="26">
        <v>2.0919896829452274</v>
      </c>
      <c r="L32" s="27">
        <v>17177.722277722278</v>
      </c>
      <c r="M32" s="20"/>
    </row>
    <row r="33" spans="1:22" s="1" customFormat="1" ht="24" customHeight="1">
      <c r="A33" s="21"/>
      <c r="B33" s="41" t="s">
        <v>54</v>
      </c>
      <c r="C33" s="22"/>
      <c r="D33" s="23">
        <v>139386</v>
      </c>
      <c r="E33" s="24">
        <v>266294</v>
      </c>
      <c r="F33" s="25">
        <v>134558</v>
      </c>
      <c r="G33" s="25">
        <v>131736</v>
      </c>
      <c r="H33" s="25">
        <v>175</v>
      </c>
      <c r="I33" s="25">
        <v>51</v>
      </c>
      <c r="J33" s="25">
        <v>124</v>
      </c>
      <c r="K33" s="26">
        <v>1.9104788142281148</v>
      </c>
      <c r="L33" s="27">
        <v>18066.078697421981</v>
      </c>
      <c r="M33" s="20"/>
    </row>
    <row r="34" spans="1:22" s="1" customFormat="1" ht="24" customHeight="1">
      <c r="A34" s="21"/>
      <c r="B34" s="41" t="s">
        <v>83</v>
      </c>
      <c r="C34" s="22"/>
      <c r="D34" s="23">
        <v>117050</v>
      </c>
      <c r="E34" s="24">
        <v>234451</v>
      </c>
      <c r="F34" s="25">
        <v>116008</v>
      </c>
      <c r="G34" s="25">
        <v>118443</v>
      </c>
      <c r="H34" s="25">
        <v>2</v>
      </c>
      <c r="I34" s="25">
        <v>17</v>
      </c>
      <c r="J34" s="25">
        <v>-15</v>
      </c>
      <c r="K34" s="26">
        <v>2.0029987184963689</v>
      </c>
      <c r="L34" s="27">
        <v>14330.745721271394</v>
      </c>
      <c r="M34" s="20"/>
    </row>
    <row r="35" spans="1:22" s="1" customFormat="1" ht="24" customHeight="1">
      <c r="A35" s="21"/>
      <c r="B35" s="41" t="s">
        <v>55</v>
      </c>
      <c r="C35" s="22"/>
      <c r="D35" s="23">
        <v>105858</v>
      </c>
      <c r="E35" s="24">
        <v>235082</v>
      </c>
      <c r="F35" s="25">
        <v>113674</v>
      </c>
      <c r="G35" s="25">
        <v>121408</v>
      </c>
      <c r="H35" s="25">
        <v>39</v>
      </c>
      <c r="I35" s="25">
        <v>-17</v>
      </c>
      <c r="J35" s="25">
        <v>56</v>
      </c>
      <c r="K35" s="26">
        <v>2.2207296567099322</v>
      </c>
      <c r="L35" s="27">
        <v>12632.025792584633</v>
      </c>
      <c r="M35" s="20"/>
    </row>
    <row r="36" spans="1:22" s="1" customFormat="1" ht="24" customHeight="1">
      <c r="A36" s="21"/>
      <c r="B36" s="41" t="s">
        <v>56</v>
      </c>
      <c r="C36" s="22"/>
      <c r="D36" s="23">
        <v>119042</v>
      </c>
      <c r="E36" s="24">
        <v>225299</v>
      </c>
      <c r="F36" s="25">
        <v>114686</v>
      </c>
      <c r="G36" s="25">
        <v>110613</v>
      </c>
      <c r="H36" s="25">
        <v>-2</v>
      </c>
      <c r="I36" s="25">
        <v>29</v>
      </c>
      <c r="J36" s="25">
        <v>-31</v>
      </c>
      <c r="K36" s="26">
        <v>1.892600930763932</v>
      </c>
      <c r="L36" s="27">
        <v>10990.195121951219</v>
      </c>
      <c r="M36" s="20"/>
    </row>
    <row r="37" spans="1:22" s="1" customFormat="1" ht="24" customHeight="1">
      <c r="A37" s="21"/>
      <c r="B37" s="41" t="s">
        <v>57</v>
      </c>
      <c r="C37" s="22"/>
      <c r="D37" s="23">
        <v>81794</v>
      </c>
      <c r="E37" s="24">
        <v>180753</v>
      </c>
      <c r="F37" s="25">
        <v>87110</v>
      </c>
      <c r="G37" s="25">
        <v>93643</v>
      </c>
      <c r="H37" s="25">
        <v>-64</v>
      </c>
      <c r="I37" s="25">
        <v>-37</v>
      </c>
      <c r="J37" s="25">
        <v>-27</v>
      </c>
      <c r="K37" s="26">
        <v>2.2098564686896349</v>
      </c>
      <c r="L37" s="27">
        <v>7774.322580645161</v>
      </c>
      <c r="M37" s="20"/>
      <c r="S37" s="45"/>
      <c r="T37" s="45"/>
      <c r="U37" s="45"/>
      <c r="V37" s="45"/>
    </row>
    <row r="38" spans="1:22" s="1" customFormat="1" ht="24" customHeight="1">
      <c r="A38" s="34"/>
      <c r="B38" s="81" t="s">
        <v>58</v>
      </c>
      <c r="C38" s="46"/>
      <c r="D38" s="36">
        <v>344294</v>
      </c>
      <c r="E38" s="37">
        <v>725386</v>
      </c>
      <c r="F38" s="38">
        <v>361099</v>
      </c>
      <c r="G38" s="38">
        <v>364287</v>
      </c>
      <c r="H38" s="38">
        <v>-76</v>
      </c>
      <c r="I38" s="38">
        <v>-214</v>
      </c>
      <c r="J38" s="38">
        <v>138</v>
      </c>
      <c r="K38" s="39">
        <v>2.1068795854705571</v>
      </c>
      <c r="L38" s="40">
        <v>2205.4239761636918</v>
      </c>
      <c r="M38" s="20"/>
    </row>
    <row r="39" spans="1:22" s="1" customFormat="1" ht="24" customHeight="1">
      <c r="A39" s="21"/>
      <c r="B39" s="41" t="s">
        <v>59</v>
      </c>
      <c r="C39" s="47"/>
      <c r="D39" s="23">
        <v>76778</v>
      </c>
      <c r="E39" s="24">
        <v>167861</v>
      </c>
      <c r="F39" s="25">
        <v>84306</v>
      </c>
      <c r="G39" s="25">
        <v>83555</v>
      </c>
      <c r="H39" s="25">
        <v>-119</v>
      </c>
      <c r="I39" s="25">
        <v>-68</v>
      </c>
      <c r="J39" s="25">
        <v>-51</v>
      </c>
      <c r="K39" s="26">
        <v>2.1863163927166638</v>
      </c>
      <c r="L39" s="27">
        <v>661.05225849643602</v>
      </c>
      <c r="M39" s="20"/>
    </row>
    <row r="40" spans="1:22" s="1" customFormat="1" ht="24" customHeight="1">
      <c r="A40" s="21"/>
      <c r="B40" s="41" t="s">
        <v>60</v>
      </c>
      <c r="C40" s="22"/>
      <c r="D40" s="23">
        <v>129606</v>
      </c>
      <c r="E40" s="24">
        <v>274536</v>
      </c>
      <c r="F40" s="25">
        <v>137048</v>
      </c>
      <c r="G40" s="25">
        <v>137488</v>
      </c>
      <c r="H40" s="25">
        <v>-70</v>
      </c>
      <c r="I40" s="25">
        <v>-97</v>
      </c>
      <c r="J40" s="25">
        <v>27</v>
      </c>
      <c r="K40" s="26">
        <v>2.1182352668857924</v>
      </c>
      <c r="L40" s="27">
        <v>7446.0537021969085</v>
      </c>
      <c r="M40" s="20"/>
    </row>
    <row r="41" spans="1:22" s="1" customFormat="1" ht="24" customHeight="1">
      <c r="A41" s="21"/>
      <c r="B41" s="41" t="s">
        <v>61</v>
      </c>
      <c r="C41" s="22"/>
      <c r="D41" s="23">
        <v>137910</v>
      </c>
      <c r="E41" s="24">
        <v>282989</v>
      </c>
      <c r="F41" s="25">
        <v>139745</v>
      </c>
      <c r="G41" s="25">
        <v>143244</v>
      </c>
      <c r="H41" s="25">
        <v>113</v>
      </c>
      <c r="I41" s="25">
        <v>-49</v>
      </c>
      <c r="J41" s="25">
        <v>162</v>
      </c>
      <c r="K41" s="26">
        <v>2.0519831774345589</v>
      </c>
      <c r="L41" s="27">
        <v>7425.5838362634477</v>
      </c>
      <c r="M41" s="20"/>
    </row>
    <row r="42" spans="1:22" s="1" customFormat="1" ht="12" customHeight="1" thickBot="1">
      <c r="A42" s="7"/>
      <c r="B42" s="82"/>
      <c r="C42" s="83"/>
      <c r="D42" s="84"/>
      <c r="E42" s="85"/>
      <c r="F42" s="86"/>
      <c r="G42" s="86"/>
      <c r="H42" s="86"/>
      <c r="I42" s="86"/>
      <c r="J42" s="86"/>
      <c r="K42" s="87"/>
      <c r="L42" s="88"/>
      <c r="M42" s="20"/>
    </row>
    <row r="43" spans="1:22" s="1" customFormat="1" ht="24" customHeight="1">
      <c r="A43" s="49"/>
      <c r="B43" s="41" t="s">
        <v>22</v>
      </c>
      <c r="C43" s="50"/>
      <c r="D43" s="23">
        <v>166199</v>
      </c>
      <c r="E43" s="24">
        <v>376847</v>
      </c>
      <c r="F43" s="25">
        <v>187658</v>
      </c>
      <c r="G43" s="25">
        <v>189189</v>
      </c>
      <c r="H43" s="25">
        <v>-1071</v>
      </c>
      <c r="I43" s="25">
        <v>-219</v>
      </c>
      <c r="J43" s="25">
        <v>-852</v>
      </c>
      <c r="K43" s="26">
        <v>2.2674444491242425</v>
      </c>
      <c r="L43" s="27">
        <v>3738.1906556889198</v>
      </c>
      <c r="N43" s="64"/>
    </row>
    <row r="44" spans="1:22" s="1" customFormat="1" ht="24" customHeight="1">
      <c r="A44" s="49"/>
      <c r="B44" s="41" t="s">
        <v>8</v>
      </c>
      <c r="C44" s="50"/>
      <c r="D44" s="23">
        <v>116211</v>
      </c>
      <c r="E44" s="24">
        <v>258109</v>
      </c>
      <c r="F44" s="25">
        <v>128752</v>
      </c>
      <c r="G44" s="25">
        <v>129357</v>
      </c>
      <c r="H44" s="25">
        <v>-64</v>
      </c>
      <c r="I44" s="25">
        <v>-114</v>
      </c>
      <c r="J44" s="25">
        <v>50</v>
      </c>
      <c r="K44" s="26">
        <v>2.2210375954083519</v>
      </c>
      <c r="L44" s="27">
        <v>3805.7947508109705</v>
      </c>
      <c r="N44" s="64"/>
    </row>
    <row r="45" spans="1:22" s="1" customFormat="1" ht="24" customHeight="1">
      <c r="A45" s="49"/>
      <c r="B45" s="41" t="s">
        <v>13</v>
      </c>
      <c r="C45" s="50"/>
      <c r="D45" s="23">
        <v>77131</v>
      </c>
      <c r="E45" s="24">
        <v>171819</v>
      </c>
      <c r="F45" s="25">
        <v>80605</v>
      </c>
      <c r="G45" s="25">
        <v>91214</v>
      </c>
      <c r="H45" s="25">
        <v>-44</v>
      </c>
      <c r="I45" s="25">
        <v>-97</v>
      </c>
      <c r="J45" s="25">
        <v>53</v>
      </c>
      <c r="K45" s="26">
        <v>2.2276257276581402</v>
      </c>
      <c r="L45" s="27">
        <v>4332.2995461422088</v>
      </c>
      <c r="N45" s="64"/>
    </row>
    <row r="46" spans="1:22" s="1" customFormat="1" ht="24" customHeight="1">
      <c r="A46" s="49"/>
      <c r="B46" s="41" t="s">
        <v>7</v>
      </c>
      <c r="C46" s="50"/>
      <c r="D46" s="23">
        <v>201810</v>
      </c>
      <c r="E46" s="24">
        <v>444122</v>
      </c>
      <c r="F46" s="25">
        <v>219036</v>
      </c>
      <c r="G46" s="25">
        <v>225086</v>
      </c>
      <c r="H46" s="25">
        <v>69</v>
      </c>
      <c r="I46" s="25">
        <v>-94</v>
      </c>
      <c r="J46" s="25">
        <v>163</v>
      </c>
      <c r="K46" s="26">
        <v>2.2006937218175513</v>
      </c>
      <c r="L46" s="27">
        <v>6384.7326049453704</v>
      </c>
      <c r="N46" s="64"/>
    </row>
    <row r="47" spans="1:22" s="1" customFormat="1" ht="24" customHeight="1">
      <c r="A47" s="51"/>
      <c r="B47" s="41" t="s">
        <v>12</v>
      </c>
      <c r="C47" s="50"/>
      <c r="D47" s="23">
        <v>84336</v>
      </c>
      <c r="E47" s="24">
        <v>186626</v>
      </c>
      <c r="F47" s="25">
        <v>90244</v>
      </c>
      <c r="G47" s="25">
        <v>96382</v>
      </c>
      <c r="H47" s="25">
        <v>-145</v>
      </c>
      <c r="I47" s="25">
        <v>-123</v>
      </c>
      <c r="J47" s="25">
        <v>-22</v>
      </c>
      <c r="K47" s="26">
        <v>2.2128865490419276</v>
      </c>
      <c r="L47" s="27">
        <v>1642.8345070422536</v>
      </c>
      <c r="N47" s="64"/>
    </row>
    <row r="48" spans="1:22" s="1" customFormat="1" ht="24" customHeight="1">
      <c r="A48" s="51"/>
      <c r="B48" s="41" t="s">
        <v>9</v>
      </c>
      <c r="C48" s="52"/>
      <c r="D48" s="23">
        <v>106949</v>
      </c>
      <c r="E48" s="24">
        <v>245243</v>
      </c>
      <c r="F48" s="25">
        <v>118786</v>
      </c>
      <c r="G48" s="25">
        <v>126457</v>
      </c>
      <c r="H48" s="25">
        <v>86</v>
      </c>
      <c r="I48" s="25">
        <v>-89</v>
      </c>
      <c r="J48" s="25">
        <v>175</v>
      </c>
      <c r="K48" s="26">
        <v>2.293083619295178</v>
      </c>
      <c r="L48" s="27">
        <v>6869.5518207282912</v>
      </c>
      <c r="N48" s="64"/>
    </row>
    <row r="49" spans="1:14" s="1" customFormat="1" ht="24" customHeight="1">
      <c r="A49" s="51"/>
      <c r="B49" s="41" t="s">
        <v>19</v>
      </c>
      <c r="C49" s="52"/>
      <c r="D49" s="23">
        <v>25120</v>
      </c>
      <c r="E49" s="24">
        <v>56178</v>
      </c>
      <c r="F49" s="25">
        <v>26204</v>
      </c>
      <c r="G49" s="25">
        <v>29974</v>
      </c>
      <c r="H49" s="25">
        <v>-16</v>
      </c>
      <c r="I49" s="25">
        <v>-42</v>
      </c>
      <c r="J49" s="25">
        <v>26</v>
      </c>
      <c r="K49" s="26">
        <v>2.2363853503184714</v>
      </c>
      <c r="L49" s="27">
        <v>3251.0416666666665</v>
      </c>
      <c r="N49" s="64"/>
    </row>
    <row r="50" spans="1:14" s="1" customFormat="1" ht="24" customHeight="1">
      <c r="A50" s="51"/>
      <c r="B50" s="41" t="s">
        <v>20</v>
      </c>
      <c r="C50" s="52"/>
      <c r="D50" s="23">
        <v>17173</v>
      </c>
      <c r="E50" s="24">
        <v>40442</v>
      </c>
      <c r="F50" s="25">
        <v>19294</v>
      </c>
      <c r="G50" s="25">
        <v>21148</v>
      </c>
      <c r="H50" s="25">
        <v>-63</v>
      </c>
      <c r="I50" s="25">
        <v>-45</v>
      </c>
      <c r="J50" s="25">
        <v>-18</v>
      </c>
      <c r="K50" s="26">
        <v>2.3549758341582718</v>
      </c>
      <c r="L50" s="27">
        <v>1261.8408736349454</v>
      </c>
      <c r="N50" s="64"/>
    </row>
    <row r="51" spans="1:14" s="1" customFormat="1" ht="24" customHeight="1">
      <c r="A51" s="51"/>
      <c r="B51" s="41" t="s">
        <v>14</v>
      </c>
      <c r="C51" s="52"/>
      <c r="D51" s="23">
        <v>72729</v>
      </c>
      <c r="E51" s="24">
        <v>161447</v>
      </c>
      <c r="F51" s="25">
        <v>81562</v>
      </c>
      <c r="G51" s="25">
        <v>79885</v>
      </c>
      <c r="H51" s="25">
        <v>17</v>
      </c>
      <c r="I51" s="25">
        <v>-92</v>
      </c>
      <c r="J51" s="25">
        <v>109</v>
      </c>
      <c r="K51" s="26">
        <v>2.2198435287161931</v>
      </c>
      <c r="L51" s="27">
        <v>1555.9656900539705</v>
      </c>
      <c r="N51" s="64"/>
    </row>
    <row r="52" spans="1:14" s="1" customFormat="1" ht="24" customHeight="1">
      <c r="A52" s="51"/>
      <c r="B52" s="41" t="s">
        <v>11</v>
      </c>
      <c r="C52" s="52"/>
      <c r="D52" s="23">
        <v>104728</v>
      </c>
      <c r="E52" s="24">
        <v>224187</v>
      </c>
      <c r="F52" s="25">
        <v>115499</v>
      </c>
      <c r="G52" s="25">
        <v>108688</v>
      </c>
      <c r="H52" s="25">
        <v>70</v>
      </c>
      <c r="I52" s="25">
        <v>-40</v>
      </c>
      <c r="J52" s="25">
        <v>110</v>
      </c>
      <c r="K52" s="26">
        <v>2.1406596134749063</v>
      </c>
      <c r="L52" s="27">
        <v>2389.0345268542201</v>
      </c>
      <c r="N52" s="64"/>
    </row>
    <row r="53" spans="1:14" s="1" customFormat="1" ht="24" customHeight="1">
      <c r="A53" s="51"/>
      <c r="B53" s="41" t="s">
        <v>10</v>
      </c>
      <c r="C53" s="52"/>
      <c r="D53" s="23">
        <v>115145</v>
      </c>
      <c r="E53" s="24">
        <v>243277</v>
      </c>
      <c r="F53" s="25">
        <v>121261</v>
      </c>
      <c r="G53" s="25">
        <v>122016</v>
      </c>
      <c r="H53" s="25">
        <v>86</v>
      </c>
      <c r="I53" s="25">
        <v>-42</v>
      </c>
      <c r="J53" s="25">
        <v>128</v>
      </c>
      <c r="K53" s="26">
        <v>2.1127882235442268</v>
      </c>
      <c r="L53" s="27">
        <v>8980.3248431155407</v>
      </c>
      <c r="N53" s="64"/>
    </row>
    <row r="54" spans="1:14" s="1" customFormat="1" ht="24" customHeight="1">
      <c r="A54" s="51"/>
      <c r="B54" s="41" t="s">
        <v>17</v>
      </c>
      <c r="C54" s="52"/>
      <c r="D54" s="23">
        <v>46975</v>
      </c>
      <c r="E54" s="24">
        <v>101525</v>
      </c>
      <c r="F54" s="25">
        <v>51364</v>
      </c>
      <c r="G54" s="25">
        <v>50161</v>
      </c>
      <c r="H54" s="25">
        <v>-6</v>
      </c>
      <c r="I54" s="25">
        <v>-43</v>
      </c>
      <c r="J54" s="25">
        <v>37</v>
      </c>
      <c r="K54" s="26">
        <v>2.1612559872272485</v>
      </c>
      <c r="L54" s="27">
        <v>1827.3038156947443</v>
      </c>
      <c r="N54" s="64"/>
    </row>
    <row r="55" spans="1:14" s="1" customFormat="1" ht="24" customHeight="1">
      <c r="A55" s="51"/>
      <c r="B55" s="41" t="s">
        <v>15</v>
      </c>
      <c r="C55" s="52"/>
      <c r="D55" s="23">
        <v>61628</v>
      </c>
      <c r="E55" s="24">
        <v>139837</v>
      </c>
      <c r="F55" s="25">
        <v>70242</v>
      </c>
      <c r="G55" s="25">
        <v>69595</v>
      </c>
      <c r="H55" s="25">
        <v>56</v>
      </c>
      <c r="I55" s="25">
        <v>3</v>
      </c>
      <c r="J55" s="25">
        <v>53</v>
      </c>
      <c r="K55" s="26">
        <v>2.2690497825663658</v>
      </c>
      <c r="L55" s="27">
        <v>5259.0071455434372</v>
      </c>
      <c r="N55" s="64"/>
    </row>
    <row r="56" spans="1:14" s="1" customFormat="1" ht="24" customHeight="1">
      <c r="A56" s="51"/>
      <c r="B56" s="41" t="s">
        <v>16</v>
      </c>
      <c r="C56" s="52"/>
      <c r="D56" s="23">
        <v>61949</v>
      </c>
      <c r="E56" s="24">
        <v>132143</v>
      </c>
      <c r="F56" s="25">
        <v>65641</v>
      </c>
      <c r="G56" s="25">
        <v>66502</v>
      </c>
      <c r="H56" s="25">
        <v>30</v>
      </c>
      <c r="I56" s="25">
        <v>-43</v>
      </c>
      <c r="J56" s="25">
        <v>73</v>
      </c>
      <c r="K56" s="26">
        <v>2.1330933509822594</v>
      </c>
      <c r="L56" s="27">
        <v>7520.9447922595327</v>
      </c>
      <c r="N56" s="64"/>
    </row>
    <row r="57" spans="1:14" s="1" customFormat="1" ht="24" customHeight="1">
      <c r="A57" s="51"/>
      <c r="B57" s="41" t="s">
        <v>21</v>
      </c>
      <c r="C57" s="52"/>
      <c r="D57" s="23">
        <v>16637</v>
      </c>
      <c r="E57" s="24">
        <v>39873</v>
      </c>
      <c r="F57" s="25">
        <v>19467</v>
      </c>
      <c r="G57" s="25">
        <v>20406</v>
      </c>
      <c r="H57" s="25">
        <v>-12</v>
      </c>
      <c r="I57" s="25">
        <v>-29</v>
      </c>
      <c r="J57" s="25">
        <v>17</v>
      </c>
      <c r="K57" s="26">
        <v>2.3966460299332812</v>
      </c>
      <c r="L57" s="27">
        <v>517.02541493775925</v>
      </c>
      <c r="N57" s="64"/>
    </row>
    <row r="58" spans="1:14" s="1" customFormat="1" ht="24" customHeight="1">
      <c r="A58" s="51"/>
      <c r="B58" s="41" t="s">
        <v>18</v>
      </c>
      <c r="C58" s="52"/>
      <c r="D58" s="23">
        <v>35481</v>
      </c>
      <c r="E58" s="24">
        <v>83004</v>
      </c>
      <c r="F58" s="25">
        <v>41896</v>
      </c>
      <c r="G58" s="25">
        <v>41108</v>
      </c>
      <c r="H58" s="25">
        <v>-8</v>
      </c>
      <c r="I58" s="25">
        <v>-35</v>
      </c>
      <c r="J58" s="25">
        <v>27</v>
      </c>
      <c r="K58" s="26">
        <v>2.3393929145176293</v>
      </c>
      <c r="L58" s="27">
        <v>3749.0514905149053</v>
      </c>
      <c r="N58" s="64"/>
    </row>
    <row r="59" spans="1:14" s="1" customFormat="1" ht="24" customHeight="1">
      <c r="A59" s="51"/>
      <c r="B59" s="42" t="s">
        <v>84</v>
      </c>
      <c r="C59" s="52"/>
      <c r="D59" s="23">
        <v>13092</v>
      </c>
      <c r="E59" s="24">
        <v>31191</v>
      </c>
      <c r="F59" s="25">
        <v>14643</v>
      </c>
      <c r="G59" s="25">
        <v>16548</v>
      </c>
      <c r="H59" s="25">
        <v>-15</v>
      </c>
      <c r="I59" s="25">
        <v>-17</v>
      </c>
      <c r="J59" s="25">
        <v>2</v>
      </c>
      <c r="K59" s="26">
        <v>2.3824472960586616</v>
      </c>
      <c r="L59" s="27">
        <v>1830.4577464788733</v>
      </c>
      <c r="N59" s="64"/>
    </row>
    <row r="60" spans="1:14" s="1" customFormat="1" ht="24" customHeight="1">
      <c r="A60" s="51"/>
      <c r="B60" s="42" t="s">
        <v>85</v>
      </c>
      <c r="C60" s="52"/>
      <c r="D60" s="23">
        <v>20670</v>
      </c>
      <c r="E60" s="24">
        <v>48635</v>
      </c>
      <c r="F60" s="25">
        <v>24677</v>
      </c>
      <c r="G60" s="25">
        <v>23958</v>
      </c>
      <c r="H60" s="25">
        <v>34</v>
      </c>
      <c r="I60" s="25">
        <v>-19</v>
      </c>
      <c r="J60" s="25">
        <v>53</v>
      </c>
      <c r="K60" s="26">
        <v>2.3529269472665697</v>
      </c>
      <c r="L60" s="27">
        <v>3645.8020989505249</v>
      </c>
      <c r="N60" s="64"/>
    </row>
    <row r="61" spans="1:14" s="1" customFormat="1" ht="24" customHeight="1">
      <c r="A61" s="53"/>
      <c r="B61" s="81" t="s">
        <v>26</v>
      </c>
      <c r="C61" s="54"/>
      <c r="D61" s="36">
        <v>24699</v>
      </c>
      <c r="E61" s="37">
        <v>58216</v>
      </c>
      <c r="F61" s="38">
        <v>28154</v>
      </c>
      <c r="G61" s="38">
        <v>30062</v>
      </c>
      <c r="H61" s="38">
        <v>38</v>
      </c>
      <c r="I61" s="38">
        <v>-38</v>
      </c>
      <c r="J61" s="38">
        <v>76</v>
      </c>
      <c r="K61" s="39">
        <v>2.3570185027733914</v>
      </c>
      <c r="L61" s="40">
        <v>2217.7523809523809</v>
      </c>
      <c r="N61" s="64"/>
    </row>
    <row r="62" spans="1:14" s="1" customFormat="1" ht="24" customHeight="1">
      <c r="A62" s="51"/>
      <c r="B62" s="41" t="s">
        <v>62</v>
      </c>
      <c r="C62" s="52"/>
      <c r="D62" s="23">
        <v>12950</v>
      </c>
      <c r="E62" s="24">
        <v>31185</v>
      </c>
      <c r="F62" s="25">
        <v>15177</v>
      </c>
      <c r="G62" s="25">
        <v>16008</v>
      </c>
      <c r="H62" s="25">
        <v>7</v>
      </c>
      <c r="I62" s="25">
        <v>-18</v>
      </c>
      <c r="J62" s="25">
        <v>25</v>
      </c>
      <c r="K62" s="26">
        <v>2.4081081081081082</v>
      </c>
      <c r="L62" s="27">
        <v>1815.1920838183935</v>
      </c>
      <c r="N62" s="64"/>
    </row>
    <row r="63" spans="1:14" s="1" customFormat="1" ht="24" customHeight="1">
      <c r="A63" s="51"/>
      <c r="B63" s="41" t="s">
        <v>63</v>
      </c>
      <c r="C63" s="52"/>
      <c r="D63" s="23">
        <v>11749</v>
      </c>
      <c r="E63" s="24">
        <v>27031</v>
      </c>
      <c r="F63" s="25">
        <v>12977</v>
      </c>
      <c r="G63" s="25">
        <v>14054</v>
      </c>
      <c r="H63" s="25">
        <v>31</v>
      </c>
      <c r="I63" s="25">
        <v>-20</v>
      </c>
      <c r="J63" s="25">
        <v>51</v>
      </c>
      <c r="K63" s="26">
        <v>2.3007064431015407</v>
      </c>
      <c r="L63" s="27">
        <v>2976.9823788546255</v>
      </c>
      <c r="N63" s="64"/>
    </row>
    <row r="64" spans="1:14" s="1" customFormat="1" ht="24" customHeight="1">
      <c r="A64" s="53"/>
      <c r="B64" s="81" t="s">
        <v>27</v>
      </c>
      <c r="C64" s="54"/>
      <c r="D64" s="36">
        <v>26310</v>
      </c>
      <c r="E64" s="37">
        <v>64720</v>
      </c>
      <c r="F64" s="38">
        <v>31829</v>
      </c>
      <c r="G64" s="38">
        <v>32891</v>
      </c>
      <c r="H64" s="38">
        <v>-7</v>
      </c>
      <c r="I64" s="38">
        <v>-29</v>
      </c>
      <c r="J64" s="38">
        <v>22</v>
      </c>
      <c r="K64" s="39">
        <v>2.4599011782592171</v>
      </c>
      <c r="L64" s="40">
        <v>213.40015826958589</v>
      </c>
      <c r="N64" s="64"/>
    </row>
    <row r="65" spans="1:14" s="1" customFormat="1" ht="24" customHeight="1">
      <c r="A65" s="51"/>
      <c r="B65" s="41" t="s">
        <v>64</v>
      </c>
      <c r="C65" s="52"/>
      <c r="D65" s="23">
        <v>3435</v>
      </c>
      <c r="E65" s="24">
        <v>8971</v>
      </c>
      <c r="F65" s="25">
        <v>4472</v>
      </c>
      <c r="G65" s="25">
        <v>4499</v>
      </c>
      <c r="H65" s="25">
        <v>-14</v>
      </c>
      <c r="I65" s="25">
        <v>-9</v>
      </c>
      <c r="J65" s="25">
        <v>-5</v>
      </c>
      <c r="K65" s="26">
        <v>2.6116448326055313</v>
      </c>
      <c r="L65" s="27">
        <v>448.77438719359685</v>
      </c>
      <c r="N65" s="64"/>
    </row>
    <row r="66" spans="1:14" s="1" customFormat="1" ht="24" customHeight="1">
      <c r="A66" s="51"/>
      <c r="B66" s="41" t="s">
        <v>65</v>
      </c>
      <c r="C66" s="52"/>
      <c r="D66" s="23">
        <v>7050</v>
      </c>
      <c r="E66" s="24">
        <v>17278</v>
      </c>
      <c r="F66" s="25">
        <v>8475</v>
      </c>
      <c r="G66" s="25">
        <v>8803</v>
      </c>
      <c r="H66" s="25">
        <v>4</v>
      </c>
      <c r="I66" s="25">
        <v>-5</v>
      </c>
      <c r="J66" s="25">
        <v>9</v>
      </c>
      <c r="K66" s="26">
        <v>2.4507801418439716</v>
      </c>
      <c r="L66" s="27">
        <v>1201.5299026425591</v>
      </c>
      <c r="N66" s="64"/>
    </row>
    <row r="67" spans="1:14" s="1" customFormat="1" ht="24" customHeight="1">
      <c r="A67" s="51"/>
      <c r="B67" s="41" t="s">
        <v>66</v>
      </c>
      <c r="C67" s="52"/>
      <c r="D67" s="23">
        <v>4541</v>
      </c>
      <c r="E67" s="24">
        <v>10395</v>
      </c>
      <c r="F67" s="25">
        <v>5153</v>
      </c>
      <c r="G67" s="25">
        <v>5242</v>
      </c>
      <c r="H67" s="25">
        <v>-40</v>
      </c>
      <c r="I67" s="25">
        <v>-6</v>
      </c>
      <c r="J67" s="25">
        <v>-34</v>
      </c>
      <c r="K67" s="26">
        <v>2.2891433604932834</v>
      </c>
      <c r="L67" s="27">
        <v>275.36423841059604</v>
      </c>
      <c r="N67" s="64"/>
    </row>
    <row r="68" spans="1:14" s="1" customFormat="1" ht="24" customHeight="1">
      <c r="A68" s="51"/>
      <c r="B68" s="41" t="s">
        <v>67</v>
      </c>
      <c r="C68" s="52"/>
      <c r="D68" s="23">
        <v>3927</v>
      </c>
      <c r="E68" s="24">
        <v>9276</v>
      </c>
      <c r="F68" s="25">
        <v>4604</v>
      </c>
      <c r="G68" s="25">
        <v>4672</v>
      </c>
      <c r="H68" s="25">
        <v>-10</v>
      </c>
      <c r="I68" s="25">
        <v>-10</v>
      </c>
      <c r="J68" s="25">
        <v>0</v>
      </c>
      <c r="K68" s="26">
        <v>2.3621084797555385</v>
      </c>
      <c r="L68" s="27">
        <v>41.298250300520898</v>
      </c>
      <c r="N68" s="64"/>
    </row>
    <row r="69" spans="1:14" s="1" customFormat="1" ht="24" customHeight="1">
      <c r="A69" s="51"/>
      <c r="B69" s="41" t="s">
        <v>68</v>
      </c>
      <c r="C69" s="52"/>
      <c r="D69" s="23">
        <v>7357</v>
      </c>
      <c r="E69" s="24">
        <v>18800</v>
      </c>
      <c r="F69" s="25">
        <v>9125</v>
      </c>
      <c r="G69" s="25">
        <v>9675</v>
      </c>
      <c r="H69" s="25">
        <v>53</v>
      </c>
      <c r="I69" s="25">
        <v>1</v>
      </c>
      <c r="J69" s="25">
        <v>52</v>
      </c>
      <c r="K69" s="26">
        <v>2.5553894250373794</v>
      </c>
      <c r="L69" s="27">
        <v>2870.229007633588</v>
      </c>
      <c r="N69" s="64"/>
    </row>
    <row r="70" spans="1:14" s="1" customFormat="1" ht="24" customHeight="1">
      <c r="A70" s="53"/>
      <c r="B70" s="81" t="s">
        <v>28</v>
      </c>
      <c r="C70" s="54"/>
      <c r="D70" s="36">
        <v>20151</v>
      </c>
      <c r="E70" s="37">
        <v>39928</v>
      </c>
      <c r="F70" s="38">
        <v>18672</v>
      </c>
      <c r="G70" s="38">
        <v>21256</v>
      </c>
      <c r="H70" s="38">
        <v>-43</v>
      </c>
      <c r="I70" s="38">
        <v>-44</v>
      </c>
      <c r="J70" s="38">
        <v>1</v>
      </c>
      <c r="K70" s="39">
        <v>1.9814401270408417</v>
      </c>
      <c r="L70" s="40">
        <v>283.43863136224888</v>
      </c>
      <c r="N70" s="64"/>
    </row>
    <row r="71" spans="1:14" s="1" customFormat="1" ht="24" customHeight="1">
      <c r="A71" s="51"/>
      <c r="B71" s="41" t="s">
        <v>69</v>
      </c>
      <c r="C71" s="52"/>
      <c r="D71" s="23">
        <v>6464</v>
      </c>
      <c r="E71" s="24">
        <v>11008</v>
      </c>
      <c r="F71" s="25">
        <v>5273</v>
      </c>
      <c r="G71" s="25">
        <v>5735</v>
      </c>
      <c r="H71" s="25">
        <v>-15</v>
      </c>
      <c r="I71" s="25">
        <v>-7</v>
      </c>
      <c r="J71" s="25">
        <v>-8</v>
      </c>
      <c r="K71" s="26">
        <v>1.7029702970297029</v>
      </c>
      <c r="L71" s="27">
        <v>118.54404479862158</v>
      </c>
      <c r="N71" s="64"/>
    </row>
    <row r="72" spans="1:14" s="1" customFormat="1" ht="24" customHeight="1">
      <c r="A72" s="51"/>
      <c r="B72" s="41" t="s">
        <v>70</v>
      </c>
      <c r="C72" s="52"/>
      <c r="D72" s="23">
        <v>2907</v>
      </c>
      <c r="E72" s="24">
        <v>6347</v>
      </c>
      <c r="F72" s="25">
        <v>2944</v>
      </c>
      <c r="G72" s="25">
        <v>3403</v>
      </c>
      <c r="H72" s="25">
        <v>-16</v>
      </c>
      <c r="I72" s="25">
        <v>-5</v>
      </c>
      <c r="J72" s="25">
        <v>-11</v>
      </c>
      <c r="K72" s="26">
        <v>2.1833505331957346</v>
      </c>
      <c r="L72" s="27">
        <v>900.28368794326241</v>
      </c>
      <c r="N72" s="64"/>
    </row>
    <row r="73" spans="1:14" s="1" customFormat="1" ht="24" customHeight="1">
      <c r="A73" s="51"/>
      <c r="B73" s="41" t="s">
        <v>86</v>
      </c>
      <c r="C73" s="52"/>
      <c r="D73" s="23">
        <v>10780</v>
      </c>
      <c r="E73" s="24">
        <v>22573</v>
      </c>
      <c r="F73" s="25">
        <v>10455</v>
      </c>
      <c r="G73" s="25">
        <v>12118</v>
      </c>
      <c r="H73" s="25">
        <v>-12</v>
      </c>
      <c r="I73" s="25">
        <v>-32</v>
      </c>
      <c r="J73" s="25">
        <v>20</v>
      </c>
      <c r="K73" s="26">
        <v>2.0939703153988867</v>
      </c>
      <c r="L73" s="27">
        <v>550.96412008786922</v>
      </c>
      <c r="N73" s="64"/>
    </row>
    <row r="74" spans="1:14" s="1" customFormat="1" ht="24" customHeight="1">
      <c r="A74" s="53"/>
      <c r="B74" s="81" t="s">
        <v>29</v>
      </c>
      <c r="C74" s="54"/>
      <c r="D74" s="36">
        <v>18732</v>
      </c>
      <c r="E74" s="37">
        <v>42295</v>
      </c>
      <c r="F74" s="38">
        <v>22089</v>
      </c>
      <c r="G74" s="38">
        <v>20206</v>
      </c>
      <c r="H74" s="38">
        <v>-33</v>
      </c>
      <c r="I74" s="38">
        <v>-25</v>
      </c>
      <c r="J74" s="38">
        <v>-8</v>
      </c>
      <c r="K74" s="39">
        <v>2.2579009182148195</v>
      </c>
      <c r="L74" s="40">
        <v>400.82448824867328</v>
      </c>
      <c r="N74" s="64"/>
    </row>
    <row r="75" spans="1:14" s="1" customFormat="1" ht="24" customHeight="1">
      <c r="A75" s="51"/>
      <c r="B75" s="41" t="s">
        <v>71</v>
      </c>
      <c r="C75" s="52"/>
      <c r="D75" s="23">
        <v>17605</v>
      </c>
      <c r="E75" s="24">
        <v>39376</v>
      </c>
      <c r="F75" s="25">
        <v>20594</v>
      </c>
      <c r="G75" s="25">
        <v>18782</v>
      </c>
      <c r="H75" s="25">
        <v>-29</v>
      </c>
      <c r="I75" s="25">
        <v>-24</v>
      </c>
      <c r="J75" s="25">
        <v>-5</v>
      </c>
      <c r="K75" s="26">
        <v>2.2366373189434818</v>
      </c>
      <c r="L75" s="27">
        <v>1148.6581096849475</v>
      </c>
      <c r="N75" s="64"/>
    </row>
    <row r="76" spans="1:14" s="1" customFormat="1" ht="24" customHeight="1">
      <c r="A76" s="51"/>
      <c r="B76" s="41" t="s">
        <v>72</v>
      </c>
      <c r="C76" s="52"/>
      <c r="D76" s="23">
        <v>1127</v>
      </c>
      <c r="E76" s="24">
        <v>2919</v>
      </c>
      <c r="F76" s="25">
        <v>1495</v>
      </c>
      <c r="G76" s="25">
        <v>1424</v>
      </c>
      <c r="H76" s="25">
        <v>-4</v>
      </c>
      <c r="I76" s="25">
        <v>-1</v>
      </c>
      <c r="J76" s="25">
        <v>-3</v>
      </c>
      <c r="K76" s="26">
        <v>2.5900621118012421</v>
      </c>
      <c r="L76" s="27">
        <v>40.974171813587873</v>
      </c>
      <c r="N76" s="64"/>
    </row>
    <row r="77" spans="1:14" s="1" customFormat="1" ht="24" customHeight="1" thickBot="1">
      <c r="A77" s="55"/>
      <c r="B77" s="94"/>
      <c r="C77" s="63"/>
      <c r="D77" s="56"/>
      <c r="E77" s="57"/>
      <c r="F77" s="57"/>
      <c r="G77" s="57"/>
      <c r="H77" s="57"/>
      <c r="I77" s="57"/>
      <c r="J77" s="57"/>
      <c r="K77" s="57"/>
      <c r="L77" s="58"/>
      <c r="N77" s="64"/>
    </row>
    <row r="78" spans="1:14" s="1" customFormat="1" ht="14.25" customHeight="1">
      <c r="B78" s="48"/>
      <c r="C78" s="48"/>
      <c r="D78" s="48"/>
      <c r="E78" s="48"/>
      <c r="F78" s="48"/>
      <c r="G78" s="48"/>
      <c r="H78" s="48"/>
      <c r="I78" s="48"/>
      <c r="J78" s="48"/>
      <c r="K78" s="48"/>
      <c r="L78" s="59" t="s">
        <v>87</v>
      </c>
      <c r="N78" s="64"/>
    </row>
    <row r="79" spans="1:14" s="1" customFormat="1" ht="14.25" customHeight="1">
      <c r="B79" s="48"/>
      <c r="C79" s="48"/>
      <c r="D79" s="48"/>
      <c r="E79" s="48"/>
      <c r="F79" s="48"/>
      <c r="G79" s="48"/>
      <c r="H79" s="48"/>
      <c r="I79" s="48"/>
      <c r="J79" s="48"/>
      <c r="K79" s="48"/>
      <c r="L79" s="48"/>
      <c r="N79" s="64"/>
    </row>
    <row r="80" spans="1:14" s="1" customFormat="1" ht="14.25" customHeight="1">
      <c r="A80" s="60" t="s">
        <v>76</v>
      </c>
      <c r="B80" s="61"/>
      <c r="C80" s="62"/>
      <c r="D80" s="62"/>
      <c r="E80" s="48"/>
      <c r="F80" s="48"/>
      <c r="G80" s="48"/>
      <c r="H80" s="48"/>
      <c r="I80" s="48"/>
      <c r="J80" s="48"/>
      <c r="K80" s="48"/>
      <c r="L80" s="48"/>
      <c r="N80" s="64"/>
    </row>
    <row r="81" spans="1:14" s="1" customFormat="1" ht="14.25" customHeight="1">
      <c r="A81" s="67"/>
      <c r="B81" s="61" t="s">
        <v>88</v>
      </c>
      <c r="C81" s="62"/>
      <c r="D81" s="62"/>
      <c r="E81" s="48"/>
      <c r="F81" s="48"/>
      <c r="G81" s="48"/>
      <c r="H81" s="48"/>
      <c r="I81" s="48"/>
      <c r="J81" s="48"/>
      <c r="K81" s="48"/>
      <c r="L81" s="48"/>
      <c r="N81" s="64"/>
    </row>
    <row r="82" spans="1:14" s="1" customFormat="1" ht="14.25" customHeight="1">
      <c r="A82" s="60" t="s">
        <v>89</v>
      </c>
      <c r="B82" s="61"/>
      <c r="C82" s="62"/>
      <c r="D82" s="62"/>
      <c r="E82" s="48"/>
      <c r="F82" s="48"/>
      <c r="G82" s="48"/>
      <c r="H82" s="48"/>
      <c r="I82" s="48"/>
      <c r="J82" s="48"/>
      <c r="K82" s="48"/>
      <c r="L82" s="48"/>
      <c r="N82" s="64"/>
    </row>
    <row r="83" spans="1:14">
      <c r="A83" s="67"/>
      <c r="B83" s="61" t="s">
        <v>90</v>
      </c>
      <c r="C83" s="62"/>
      <c r="D83" s="62"/>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3-07-21T04:05:27Z</dcterms:modified>
</cp:coreProperties>
</file>